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3-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3-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ijkbijduursted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schermopname, logo&#10;&#10;Automatisch gegenereerde beschrijving">
            <a:extLst>
              <a:ext uri="{FF2B5EF4-FFF2-40B4-BE49-F238E27FC236}">
                <a16:creationId xmlns:a16="http://schemas.microsoft.com/office/drawing/2014/main" id="{79C6187A-9708-58DB-700A-F212EEC8245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9894" y="4764140"/>
            <a:ext cx="3271031" cy="194299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6FA697E8-B281-E249-0A4B-C66E4714093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7636" y="4257576"/>
            <a:ext cx="1755714" cy="104289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3</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23T12:06:51Z</dcterms:modified>
</cp:coreProperties>
</file>